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9-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9-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ltena/"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67B4B83E-86BE-36A5-7E80-2A973B83C90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5008086"/>
            <a:ext cx="2117342" cy="16557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1B663F28-2A2F-75EA-C06F-91F4C71C8AA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56886" y="4040761"/>
            <a:ext cx="1623061" cy="126923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2-19T08:53:19Z</dcterms:modified>
</cp:coreProperties>
</file>